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2" r:id="rId1"/>
  </sheets>
  <definedNames>
    <definedName name="_xlnm.Print_Area" localSheetId="0">消費者物価指数の推移!$A$1:$Y$27</definedName>
  </definedNames>
  <calcPr calcId="152511"/>
</workbook>
</file>

<file path=xl/sharedStrings.xml><?xml version="1.0" encoding="utf-8"?>
<sst xmlns="http://schemas.openxmlformats.org/spreadsheetml/2006/main" count="129" uniqueCount="84">
  <si>
    <t>住　居</t>
  </si>
  <si>
    <t>総　合</t>
  </si>
  <si>
    <t>食　料</t>
  </si>
  <si>
    <t>通　信</t>
  </si>
  <si>
    <t>家事用品</t>
  </si>
  <si>
    <t>水　道</t>
  </si>
  <si>
    <t>（％）</t>
  </si>
  <si>
    <t>を除く</t>
  </si>
  <si>
    <t>諸雑費</t>
  </si>
  <si>
    <t>教　育</t>
  </si>
  <si>
    <t>・</t>
  </si>
  <si>
    <t>全　　　国</t>
  </si>
  <si>
    <t>交　通</t>
  </si>
  <si>
    <t>家　具</t>
  </si>
  <si>
    <t>光　熱</t>
  </si>
  <si>
    <t>川崎市</t>
    <rPh sb="0" eb="3">
      <t>カワサキシ</t>
    </rPh>
    <phoneticPr fontId="1"/>
  </si>
  <si>
    <t>　　　　</t>
  </si>
  <si>
    <t>被服　及び　履物</t>
    <rPh sb="6" eb="8">
      <t>ハキモノ</t>
    </rPh>
    <phoneticPr fontId="1"/>
  </si>
  <si>
    <t>保健　医療</t>
    <rPh sb="3" eb="5">
      <t>イリョウ</t>
    </rPh>
    <phoneticPr fontId="1"/>
  </si>
  <si>
    <t>教養　　娯楽</t>
    <rPh sb="0" eb="2">
      <t>キョウヨウ</t>
    </rPh>
    <rPh sb="4" eb="6">
      <t>ゴラク</t>
    </rPh>
    <phoneticPr fontId="1"/>
  </si>
  <si>
    <t>生鮮食品を除く</t>
    <rPh sb="5" eb="6">
      <t>ノゾ</t>
    </rPh>
    <phoneticPr fontId="26"/>
  </si>
  <si>
    <t>持家の帰属家賃</t>
    <rPh sb="5" eb="7">
      <t>ヤチン</t>
    </rPh>
    <phoneticPr fontId="26"/>
  </si>
  <si>
    <t>年　　月</t>
    <phoneticPr fontId="1"/>
  </si>
  <si>
    <t>前月比</t>
    <rPh sb="2" eb="3">
      <t>ヒ</t>
    </rPh>
    <phoneticPr fontId="26"/>
  </si>
  <si>
    <t>月</t>
  </si>
  <si>
    <t>平均</t>
    <rPh sb="0" eb="2">
      <t>ヘイキン</t>
    </rPh>
    <phoneticPr fontId="1"/>
  </si>
  <si>
    <t>前月比</t>
    <phoneticPr fontId="1"/>
  </si>
  <si>
    <t>総合</t>
    <rPh sb="0" eb="2">
      <t>ソウゴウ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26"/>
  </si>
  <si>
    <t>（％）</t>
    <phoneticPr fontId="1"/>
  </si>
  <si>
    <t>前年
同月比</t>
    <rPh sb="3" eb="5">
      <t>ドウゲツ</t>
    </rPh>
    <rPh sb="5" eb="6">
      <t>ヒ</t>
    </rPh>
    <phoneticPr fontId="26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-</t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消 費 者 物 価 指 数 の 推 移</t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100.3</t>
  </si>
  <si>
    <t>0.1</t>
  </si>
  <si>
    <t>0.3</t>
  </si>
  <si>
    <t>99.7</t>
  </si>
  <si>
    <t>-0.5</t>
  </si>
  <si>
    <t>99.8</t>
  </si>
  <si>
    <t>99.5</t>
  </si>
  <si>
    <t>-0.8</t>
  </si>
  <si>
    <t>99.2</t>
  </si>
  <si>
    <t>-0.2</t>
  </si>
  <si>
    <t>-1.1</t>
  </si>
  <si>
    <t>100.2</t>
  </si>
  <si>
    <t>101.2</t>
  </si>
  <si>
    <t>99.3</t>
  </si>
  <si>
    <t>100.5</t>
  </si>
  <si>
    <t>99.1</t>
  </si>
  <si>
    <t>102.4</t>
  </si>
  <si>
    <t>98.9</t>
  </si>
  <si>
    <t>98.8</t>
  </si>
  <si>
    <t>102.5</t>
  </si>
  <si>
    <t>99.4</t>
  </si>
  <si>
    <t>100.8</t>
  </si>
  <si>
    <t>100.9</t>
  </si>
  <si>
    <t>-1.5</t>
  </si>
  <si>
    <t>99.0</t>
  </si>
  <si>
    <t>-1.0</t>
  </si>
  <si>
    <t>98.6</t>
  </si>
  <si>
    <t>96.5</t>
  </si>
  <si>
    <t>103.3</t>
  </si>
  <si>
    <t>102.0</t>
  </si>
  <si>
    <t>102.6</t>
  </si>
  <si>
    <t>101.9</t>
  </si>
  <si>
    <t>92.5</t>
  </si>
  <si>
    <t>92.8</t>
  </si>
  <si>
    <t>92.7</t>
  </si>
  <si>
    <t>102.3</t>
  </si>
  <si>
    <t>98.7</t>
  </si>
  <si>
    <t>月</t>
    <phoneticPr fontId="1"/>
  </si>
  <si>
    <t>月</t>
    <phoneticPr fontId="1"/>
  </si>
  <si>
    <t>2022年</t>
    <rPh sb="4" eb="5">
      <t>ネン</t>
    </rPh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6"/>
      <name val="ＭＳ Ｐ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19" fillId="0" borderId="0" applyFill="0" applyBorder="0" applyAlignment="0"/>
    <xf numFmtId="0" fontId="20" fillId="0" borderId="0">
      <alignment horizontal="left"/>
    </xf>
    <xf numFmtId="0" fontId="21" fillId="0" borderId="7" applyNumberFormat="0" applyAlignment="0" applyProtection="0">
      <alignment horizontal="left" vertical="center"/>
    </xf>
    <xf numFmtId="0" fontId="21" fillId="0" borderId="31">
      <alignment horizontal="left" vertical="center"/>
    </xf>
    <xf numFmtId="0" fontId="22" fillId="0" borderId="0"/>
    <xf numFmtId="4" fontId="20" fillId="0" borderId="0">
      <alignment horizontal="right"/>
    </xf>
    <xf numFmtId="4" fontId="23" fillId="0" borderId="0">
      <alignment horizontal="right"/>
    </xf>
    <xf numFmtId="0" fontId="24" fillId="0" borderId="0">
      <alignment horizontal="left"/>
    </xf>
    <xf numFmtId="0" fontId="25" fillId="0" borderId="0">
      <alignment horizontal="center"/>
    </xf>
  </cellStyleXfs>
  <cellXfs count="17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6" fillId="0" borderId="0" xfId="1" applyFont="1" applyAlignment="1">
      <alignment horizontal="centerContinuous"/>
    </xf>
    <xf numFmtId="0" fontId="12" fillId="0" borderId="0" xfId="1" applyFont="1" applyBorder="1"/>
    <xf numFmtId="0" fontId="5" fillId="0" borderId="0" xfId="2"/>
    <xf numFmtId="0" fontId="13" fillId="0" borderId="0" xfId="1" applyFont="1" applyBorder="1" applyAlignment="1">
      <alignment horizontal="left"/>
    </xf>
    <xf numFmtId="0" fontId="11" fillId="0" borderId="0" xfId="1" applyFont="1" applyBorder="1" applyAlignment="1">
      <alignment horizontal="left"/>
    </xf>
    <xf numFmtId="0" fontId="14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5" fillId="0" borderId="0" xfId="1" applyFont="1" applyBorder="1" applyAlignment="1"/>
    <xf numFmtId="0" fontId="16" fillId="0" borderId="0" xfId="1" applyFont="1" applyBorder="1"/>
    <xf numFmtId="0" fontId="17" fillId="0" borderId="0" xfId="2" applyFont="1"/>
    <xf numFmtId="0" fontId="18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5" fillId="0" borderId="42" xfId="2" applyFont="1" applyFill="1" applyBorder="1" applyAlignment="1">
      <alignment horizontal="center" vertical="center" wrapText="1"/>
    </xf>
    <xf numFmtId="0" fontId="0" fillId="0" borderId="27" xfId="0" applyBorder="1">
      <alignment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1" xfId="2" applyFont="1" applyBorder="1" applyAlignment="1">
      <alignment horizontal="center" vertical="center"/>
    </xf>
    <xf numFmtId="0" fontId="9" fillId="0" borderId="49" xfId="2" applyFont="1" applyBorder="1" applyAlignment="1">
      <alignment horizontal="center" vertical="center"/>
    </xf>
    <xf numFmtId="0" fontId="9" fillId="0" borderId="53" xfId="2" applyFont="1" applyBorder="1" applyAlignment="1">
      <alignment vertical="center"/>
    </xf>
    <xf numFmtId="0" fontId="9" fillId="0" borderId="54" xfId="2" applyFont="1" applyBorder="1" applyAlignment="1">
      <alignment horizontal="center" vertical="center"/>
    </xf>
    <xf numFmtId="0" fontId="9" fillId="0" borderId="55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60" xfId="2" applyFont="1" applyBorder="1" applyAlignment="1">
      <alignment horizontal="center" vertical="center"/>
    </xf>
    <xf numFmtId="0" fontId="9" fillId="0" borderId="61" xfId="2" applyFont="1" applyBorder="1" applyAlignment="1">
      <alignment horizontal="center" vertical="center"/>
    </xf>
    <xf numFmtId="0" fontId="9" fillId="0" borderId="63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38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vertical="center"/>
    </xf>
    <xf numFmtId="179" fontId="9" fillId="0" borderId="39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vertical="center"/>
    </xf>
    <xf numFmtId="179" fontId="9" fillId="0" borderId="11" xfId="3" quotePrefix="1" applyNumberFormat="1" applyFont="1" applyBorder="1" applyAlignment="1">
      <alignment vertical="center"/>
    </xf>
    <xf numFmtId="179" fontId="9" fillId="0" borderId="39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1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horizontal="center" vertical="center"/>
    </xf>
    <xf numFmtId="179" fontId="9" fillId="0" borderId="51" xfId="3" quotePrefix="1" applyNumberFormat="1" applyFont="1" applyBorder="1" applyAlignment="1">
      <alignment horizontal="left" vertical="center"/>
    </xf>
    <xf numFmtId="179" fontId="8" fillId="0" borderId="46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6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left" vertical="center"/>
    </xf>
    <xf numFmtId="179" fontId="9" fillId="0" borderId="52" xfId="2" applyNumberFormat="1" applyFont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vertical="center"/>
    </xf>
    <xf numFmtId="179" fontId="9" fillId="0" borderId="62" xfId="3" quotePrefix="1" applyNumberFormat="1" applyFont="1" applyBorder="1" applyAlignment="1">
      <alignment horizontal="lef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5" xfId="0" applyNumberFormat="1" applyFont="1" applyFill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66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vertical="center"/>
    </xf>
    <xf numFmtId="179" fontId="9" fillId="0" borderId="67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67" xfId="2" applyNumberFormat="1" applyFont="1" applyBorder="1" applyAlignment="1">
      <alignment horizontal="right" vertical="center"/>
    </xf>
    <xf numFmtId="179" fontId="8" fillId="0" borderId="65" xfId="0" applyNumberFormat="1" applyFont="1" applyFill="1" applyBorder="1" applyAlignment="1">
      <alignment horizontal="right" vertical="center"/>
    </xf>
    <xf numFmtId="179" fontId="8" fillId="0" borderId="66" xfId="0" applyNumberFormat="1" applyFont="1" applyFill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vertical="center"/>
    </xf>
    <xf numFmtId="179" fontId="9" fillId="0" borderId="56" xfId="3" quotePrefix="1" applyNumberFormat="1" applyFont="1" applyBorder="1" applyAlignment="1">
      <alignment horizontal="lef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/>
    </xf>
    <xf numFmtId="179" fontId="9" fillId="0" borderId="48" xfId="3" quotePrefix="1" applyNumberFormat="1" applyFont="1" applyBorder="1" applyAlignment="1">
      <alignment horizontal="center" vertical="center"/>
    </xf>
    <xf numFmtId="179" fontId="9" fillId="0" borderId="5" xfId="3" quotePrefix="1" applyNumberFormat="1" applyFont="1" applyBorder="1" applyAlignment="1">
      <alignment horizontal="center" vertical="center"/>
    </xf>
    <xf numFmtId="179" fontId="9" fillId="0" borderId="65" xfId="3" quotePrefix="1" applyNumberFormat="1" applyFont="1" applyBorder="1" applyAlignment="1">
      <alignment horizontal="center" vertical="center"/>
    </xf>
    <xf numFmtId="176" fontId="9" fillId="0" borderId="37" xfId="1" applyNumberFormat="1" applyFont="1" applyFill="1" applyBorder="1" applyAlignment="1">
      <alignment vertical="center" shrinkToFit="1"/>
    </xf>
    <xf numFmtId="180" fontId="9" fillId="0" borderId="37" xfId="1" applyNumberFormat="1" applyFont="1" applyFill="1" applyBorder="1" applyAlignment="1">
      <alignment horizontal="right" vertical="center"/>
    </xf>
    <xf numFmtId="180" fontId="9" fillId="0" borderId="39" xfId="1" applyNumberFormat="1" applyFont="1" applyFill="1" applyBorder="1" applyAlignment="1">
      <alignment horizontal="center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8" xfId="2" applyFont="1" applyBorder="1" applyAlignment="1">
      <alignment horizontal="center" vertical="center"/>
    </xf>
    <xf numFmtId="0" fontId="9" fillId="0" borderId="69" xfId="2" applyFont="1" applyBorder="1" applyAlignment="1">
      <alignment vertical="center"/>
    </xf>
    <xf numFmtId="0" fontId="9" fillId="0" borderId="70" xfId="2" applyFont="1" applyBorder="1" applyAlignment="1">
      <alignment horizontal="center" vertical="center"/>
    </xf>
    <xf numFmtId="179" fontId="9" fillId="0" borderId="71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vertical="center"/>
    </xf>
    <xf numFmtId="179" fontId="9" fillId="0" borderId="74" xfId="3" quotePrefix="1" applyNumberFormat="1" applyFont="1" applyBorder="1" applyAlignment="1">
      <alignment horizontal="lef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center" vertical="center"/>
    </xf>
    <xf numFmtId="179" fontId="9" fillId="0" borderId="74" xfId="3" quotePrefix="1" applyNumberFormat="1" applyFont="1" applyBorder="1" applyAlignment="1">
      <alignment horizontal="right" vertical="center"/>
    </xf>
    <xf numFmtId="179" fontId="9" fillId="0" borderId="75" xfId="2" applyNumberFormat="1" applyFont="1" applyBorder="1" applyAlignment="1">
      <alignment horizontal="right" vertical="center"/>
    </xf>
    <xf numFmtId="180" fontId="8" fillId="0" borderId="72" xfId="0" applyNumberFormat="1" applyFont="1" applyFill="1" applyBorder="1" applyAlignment="1">
      <alignment horizontal="right" vertical="center"/>
    </xf>
    <xf numFmtId="179" fontId="8" fillId="0" borderId="73" xfId="0" applyNumberFormat="1" applyFont="1" applyFill="1" applyBorder="1" applyAlignment="1">
      <alignment horizontal="right" vertical="center"/>
    </xf>
    <xf numFmtId="180" fontId="8" fillId="0" borderId="65" xfId="0" applyNumberFormat="1" applyFont="1" applyFill="1" applyBorder="1" applyAlignment="1">
      <alignment horizontal="right" vertical="center"/>
    </xf>
    <xf numFmtId="0" fontId="9" fillId="0" borderId="7" xfId="1" applyFont="1" applyBorder="1" applyAlignment="1">
      <alignment horizontal="right" vertical="center"/>
    </xf>
    <xf numFmtId="0" fontId="0" fillId="0" borderId="35" xfId="0" applyBorder="1" applyAlignment="1">
      <alignment horizontal="right" vertic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5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0" fillId="0" borderId="44" xfId="0" applyBorder="1" applyAlignment="1">
      <alignment horizontal="center" vertical="center"/>
    </xf>
    <xf numFmtId="0" fontId="10" fillId="0" borderId="15" xfId="1" applyFont="1" applyBorder="1" applyAlignment="1">
      <alignment horizontal="right"/>
    </xf>
    <xf numFmtId="0" fontId="0" fillId="0" borderId="15" xfId="0" applyBorder="1" applyAlignment="1"/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43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4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8.625" customWidth="1"/>
    <col min="21" max="23" width="9.125" bestFit="1" customWidth="1"/>
    <col min="24" max="25" width="8" bestFit="1" customWidth="1"/>
  </cols>
  <sheetData>
    <row r="1" spans="1:26" ht="25.15" customHeight="1">
      <c r="A1" s="57" t="s">
        <v>37</v>
      </c>
      <c r="B1" s="56"/>
      <c r="C1" s="55"/>
      <c r="D1" s="55"/>
      <c r="E1" s="55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53" t="s">
        <v>16</v>
      </c>
      <c r="S1" s="53"/>
      <c r="T1" s="53"/>
      <c r="U1" s="52"/>
      <c r="V1" s="50"/>
      <c r="W1" s="51"/>
      <c r="X1" s="50"/>
      <c r="Y1" s="49"/>
    </row>
    <row r="2" spans="1:26" ht="25.15" customHeight="1">
      <c r="A2" s="54"/>
      <c r="B2" s="49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53"/>
      <c r="S2" s="53"/>
      <c r="T2" s="53"/>
      <c r="U2" s="52"/>
      <c r="V2" s="50"/>
      <c r="W2" s="51"/>
      <c r="X2" s="50"/>
      <c r="Y2" s="49"/>
    </row>
    <row r="3" spans="1:26" ht="25.15" customHeight="1" thickBot="1">
      <c r="A3" s="48" t="s">
        <v>15</v>
      </c>
      <c r="B3" s="47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46"/>
      <c r="O3" s="19"/>
      <c r="P3" s="19"/>
      <c r="Q3" s="19"/>
      <c r="R3" s="19"/>
      <c r="S3" s="19"/>
      <c r="T3" s="19"/>
      <c r="U3" s="162" t="s">
        <v>42</v>
      </c>
      <c r="V3" s="163"/>
      <c r="W3" s="163"/>
      <c r="X3" s="163"/>
      <c r="Y3" s="163"/>
    </row>
    <row r="4" spans="1:26" ht="31.5" customHeight="1">
      <c r="A4" s="45"/>
      <c r="B4" s="44"/>
      <c r="C4" s="43"/>
      <c r="D4" s="42"/>
      <c r="E4" s="64"/>
      <c r="F4" s="61"/>
      <c r="G4" s="58"/>
      <c r="H4" s="41"/>
      <c r="I4" s="41" t="s">
        <v>14</v>
      </c>
      <c r="J4" s="41" t="s">
        <v>13</v>
      </c>
      <c r="K4" s="164" t="s">
        <v>17</v>
      </c>
      <c r="L4" s="164" t="s">
        <v>18</v>
      </c>
      <c r="M4" s="41" t="s">
        <v>12</v>
      </c>
      <c r="N4" s="41"/>
      <c r="O4" s="164" t="s">
        <v>19</v>
      </c>
      <c r="P4" s="40"/>
      <c r="Q4" s="167" t="s">
        <v>20</v>
      </c>
      <c r="R4" s="168"/>
      <c r="S4" s="158" t="s">
        <v>28</v>
      </c>
      <c r="T4" s="160" t="s">
        <v>30</v>
      </c>
      <c r="U4" s="171" t="s">
        <v>21</v>
      </c>
      <c r="V4" s="172"/>
      <c r="W4" s="39" t="s">
        <v>11</v>
      </c>
      <c r="X4" s="38"/>
      <c r="Y4" s="37"/>
    </row>
    <row r="5" spans="1:26" ht="31.5" customHeight="1">
      <c r="A5" s="36" t="s">
        <v>22</v>
      </c>
      <c r="B5" s="19"/>
      <c r="C5" s="35"/>
      <c r="D5" s="34" t="s">
        <v>1</v>
      </c>
      <c r="E5" s="33" t="s">
        <v>26</v>
      </c>
      <c r="F5" s="65" t="s">
        <v>31</v>
      </c>
      <c r="G5" s="59" t="s">
        <v>2</v>
      </c>
      <c r="H5" s="33" t="s">
        <v>0</v>
      </c>
      <c r="I5" s="33" t="s">
        <v>10</v>
      </c>
      <c r="J5" s="33" t="s">
        <v>10</v>
      </c>
      <c r="K5" s="165"/>
      <c r="L5" s="165"/>
      <c r="M5" s="33" t="s">
        <v>10</v>
      </c>
      <c r="N5" s="33" t="s">
        <v>9</v>
      </c>
      <c r="O5" s="165"/>
      <c r="P5" s="32" t="s">
        <v>8</v>
      </c>
      <c r="Q5" s="169"/>
      <c r="R5" s="170"/>
      <c r="S5" s="159"/>
      <c r="T5" s="161"/>
      <c r="U5" s="173" t="s">
        <v>7</v>
      </c>
      <c r="V5" s="174"/>
      <c r="W5" s="31" t="s">
        <v>1</v>
      </c>
      <c r="X5" s="30" t="s">
        <v>23</v>
      </c>
      <c r="Y5" s="66" t="s">
        <v>33</v>
      </c>
    </row>
    <row r="6" spans="1:26" ht="31.5" customHeight="1" thickBot="1">
      <c r="A6" s="29"/>
      <c r="B6" s="28"/>
      <c r="C6" s="27"/>
      <c r="D6" s="26"/>
      <c r="E6" s="20" t="s">
        <v>6</v>
      </c>
      <c r="F6" s="67" t="s">
        <v>36</v>
      </c>
      <c r="G6" s="60"/>
      <c r="H6" s="25"/>
      <c r="I6" s="20" t="s">
        <v>5</v>
      </c>
      <c r="J6" s="62" t="s">
        <v>4</v>
      </c>
      <c r="K6" s="166"/>
      <c r="L6" s="165"/>
      <c r="M6" s="20" t="s">
        <v>3</v>
      </c>
      <c r="N6" s="25"/>
      <c r="O6" s="166"/>
      <c r="P6" s="24"/>
      <c r="Q6" s="23" t="s">
        <v>1</v>
      </c>
      <c r="R6" s="20" t="s">
        <v>2</v>
      </c>
      <c r="S6" s="22" t="s">
        <v>29</v>
      </c>
      <c r="T6" s="63" t="s">
        <v>27</v>
      </c>
      <c r="U6" s="22" t="s">
        <v>1</v>
      </c>
      <c r="V6" s="20" t="s">
        <v>0</v>
      </c>
      <c r="W6" s="21"/>
      <c r="X6" s="20" t="s">
        <v>32</v>
      </c>
      <c r="Y6" s="67" t="s">
        <v>36</v>
      </c>
    </row>
    <row r="7" spans="1:26" ht="25.15" customHeight="1" thickBot="1">
      <c r="A7" s="79" t="s">
        <v>38</v>
      </c>
      <c r="B7" s="156" t="s">
        <v>25</v>
      </c>
      <c r="C7" s="157"/>
      <c r="D7" s="81">
        <v>99.4</v>
      </c>
      <c r="E7" s="82" t="s">
        <v>35</v>
      </c>
      <c r="F7" s="137">
        <v>-0.6</v>
      </c>
      <c r="G7" s="83">
        <v>99.8</v>
      </c>
      <c r="H7" s="84">
        <v>99.3</v>
      </c>
      <c r="I7" s="85">
        <v>99.3</v>
      </c>
      <c r="J7" s="86">
        <v>102.2</v>
      </c>
      <c r="K7" s="87">
        <v>101.6</v>
      </c>
      <c r="L7" s="86">
        <v>100.1</v>
      </c>
      <c r="M7" s="88">
        <v>94.2</v>
      </c>
      <c r="N7" s="85">
        <v>99.4</v>
      </c>
      <c r="O7" s="138">
        <v>102.3</v>
      </c>
      <c r="P7" s="138">
        <v>101</v>
      </c>
      <c r="Q7" s="89">
        <v>99.4</v>
      </c>
      <c r="R7" s="85">
        <v>100.2</v>
      </c>
      <c r="S7" s="132">
        <v>99.3</v>
      </c>
      <c r="T7" s="90">
        <v>99.1</v>
      </c>
      <c r="U7" s="91">
        <v>99.4</v>
      </c>
      <c r="V7" s="84">
        <v>99.8</v>
      </c>
      <c r="W7" s="91">
        <v>99.8</v>
      </c>
      <c r="X7" s="92" t="s">
        <v>35</v>
      </c>
      <c r="Y7" s="136">
        <v>-0.2</v>
      </c>
    </row>
    <row r="8" spans="1:26" ht="24.75" customHeight="1">
      <c r="A8" s="68" t="s">
        <v>83</v>
      </c>
      <c r="B8" s="73">
        <v>4</v>
      </c>
      <c r="C8" s="71" t="s">
        <v>39</v>
      </c>
      <c r="D8" s="106" t="s">
        <v>61</v>
      </c>
      <c r="E8" s="103" t="s">
        <v>50</v>
      </c>
      <c r="F8" s="102" t="s">
        <v>66</v>
      </c>
      <c r="G8" s="106" t="s">
        <v>69</v>
      </c>
      <c r="H8" s="103" t="s">
        <v>63</v>
      </c>
      <c r="I8" s="103" t="s">
        <v>70</v>
      </c>
      <c r="J8" s="103" t="s">
        <v>71</v>
      </c>
      <c r="K8" s="103" t="s">
        <v>59</v>
      </c>
      <c r="L8" s="103" t="s">
        <v>54</v>
      </c>
      <c r="M8" s="103" t="s">
        <v>75</v>
      </c>
      <c r="N8" s="103" t="s">
        <v>46</v>
      </c>
      <c r="O8" s="107" t="s">
        <v>78</v>
      </c>
      <c r="P8" s="108" t="s">
        <v>64</v>
      </c>
      <c r="Q8" s="109" t="s">
        <v>67</v>
      </c>
      <c r="R8" s="103" t="s">
        <v>49</v>
      </c>
      <c r="S8" s="134" t="s">
        <v>58</v>
      </c>
      <c r="T8" s="110" t="s">
        <v>67</v>
      </c>
      <c r="U8" s="109" t="s">
        <v>79</v>
      </c>
      <c r="V8" s="110" t="s">
        <v>48</v>
      </c>
      <c r="W8" s="111" t="s">
        <v>58</v>
      </c>
      <c r="X8" s="112" t="s">
        <v>50</v>
      </c>
      <c r="Y8" s="113" t="s">
        <v>53</v>
      </c>
      <c r="Z8" s="1"/>
    </row>
    <row r="9" spans="1:26" ht="24.75" customHeight="1">
      <c r="A9" s="74"/>
      <c r="B9" s="75">
        <v>5</v>
      </c>
      <c r="C9" s="80" t="s">
        <v>39</v>
      </c>
      <c r="D9" s="114" t="s">
        <v>51</v>
      </c>
      <c r="E9" s="115" t="s">
        <v>45</v>
      </c>
      <c r="F9" s="116" t="s">
        <v>53</v>
      </c>
      <c r="G9" s="114" t="s">
        <v>56</v>
      </c>
      <c r="H9" s="115" t="s">
        <v>63</v>
      </c>
      <c r="I9" s="115" t="s">
        <v>67</v>
      </c>
      <c r="J9" s="115" t="s">
        <v>72</v>
      </c>
      <c r="K9" s="115" t="s">
        <v>73</v>
      </c>
      <c r="L9" s="115" t="s">
        <v>43</v>
      </c>
      <c r="M9" s="115" t="s">
        <v>76</v>
      </c>
      <c r="N9" s="115" t="s">
        <v>46</v>
      </c>
      <c r="O9" s="117" t="s">
        <v>62</v>
      </c>
      <c r="P9" s="104" t="s">
        <v>65</v>
      </c>
      <c r="Q9" s="118" t="s">
        <v>63</v>
      </c>
      <c r="R9" s="115" t="s">
        <v>43</v>
      </c>
      <c r="S9" s="135" t="s">
        <v>56</v>
      </c>
      <c r="T9" s="119" t="s">
        <v>67</v>
      </c>
      <c r="U9" s="118" t="s">
        <v>58</v>
      </c>
      <c r="V9" s="119" t="s">
        <v>46</v>
      </c>
      <c r="W9" s="120" t="s">
        <v>63</v>
      </c>
      <c r="X9" s="121" t="s">
        <v>45</v>
      </c>
      <c r="Y9" s="122" t="s">
        <v>50</v>
      </c>
      <c r="Z9" s="1"/>
    </row>
    <row r="10" spans="1:26" ht="24.75" customHeight="1">
      <c r="A10" s="74"/>
      <c r="B10" s="75">
        <v>6</v>
      </c>
      <c r="C10" s="80" t="s">
        <v>41</v>
      </c>
      <c r="D10" s="114" t="s">
        <v>67</v>
      </c>
      <c r="E10" s="115" t="s">
        <v>52</v>
      </c>
      <c r="F10" s="116" t="s">
        <v>68</v>
      </c>
      <c r="G10" s="114" t="s">
        <v>63</v>
      </c>
      <c r="H10" s="115" t="s">
        <v>67</v>
      </c>
      <c r="I10" s="115" t="s">
        <v>48</v>
      </c>
      <c r="J10" s="115" t="s">
        <v>62</v>
      </c>
      <c r="K10" s="115" t="s">
        <v>74</v>
      </c>
      <c r="L10" s="115" t="s">
        <v>57</v>
      </c>
      <c r="M10" s="115" t="s">
        <v>77</v>
      </c>
      <c r="N10" s="115" t="s">
        <v>48</v>
      </c>
      <c r="O10" s="117" t="s">
        <v>55</v>
      </c>
      <c r="P10" s="104" t="s">
        <v>57</v>
      </c>
      <c r="Q10" s="118" t="s">
        <v>67</v>
      </c>
      <c r="R10" s="115" t="s">
        <v>46</v>
      </c>
      <c r="S10" s="135" t="s">
        <v>60</v>
      </c>
      <c r="T10" s="119" t="s">
        <v>69</v>
      </c>
      <c r="U10" s="118" t="s">
        <v>67</v>
      </c>
      <c r="V10" s="119" t="s">
        <v>46</v>
      </c>
      <c r="W10" s="120" t="s">
        <v>49</v>
      </c>
      <c r="X10" s="121" t="s">
        <v>44</v>
      </c>
      <c r="Y10" s="122" t="s">
        <v>47</v>
      </c>
      <c r="Z10" s="1"/>
    </row>
    <row r="11" spans="1:26" ht="24.75" customHeight="1">
      <c r="A11" s="72"/>
      <c r="B11" s="70">
        <v>7</v>
      </c>
      <c r="C11" s="69" t="s">
        <v>40</v>
      </c>
      <c r="D11" s="95">
        <v>99.4</v>
      </c>
      <c r="E11" s="96">
        <v>0.4</v>
      </c>
      <c r="F11" s="97">
        <v>-0.8</v>
      </c>
      <c r="G11" s="95">
        <v>99.6</v>
      </c>
      <c r="H11" s="96">
        <v>99</v>
      </c>
      <c r="I11" s="96">
        <v>100.2</v>
      </c>
      <c r="J11" s="96">
        <v>102.7</v>
      </c>
      <c r="K11" s="96">
        <v>100.9</v>
      </c>
      <c r="L11" s="96">
        <v>100.6</v>
      </c>
      <c r="M11" s="96">
        <v>93.5</v>
      </c>
      <c r="N11" s="96">
        <v>99.8</v>
      </c>
      <c r="O11" s="98">
        <v>103.9</v>
      </c>
      <c r="P11" s="93">
        <v>100.7</v>
      </c>
      <c r="Q11" s="100">
        <v>99.5</v>
      </c>
      <c r="R11" s="96">
        <v>100.3</v>
      </c>
      <c r="S11" s="133">
        <v>99.4</v>
      </c>
      <c r="T11" s="99">
        <v>99.1</v>
      </c>
      <c r="U11" s="100">
        <v>99.5</v>
      </c>
      <c r="V11" s="99">
        <v>99.7</v>
      </c>
      <c r="W11" s="105">
        <v>99.7</v>
      </c>
      <c r="X11" s="101">
        <v>0.2</v>
      </c>
      <c r="Y11" s="94">
        <v>-0.3</v>
      </c>
      <c r="Z11" s="1"/>
    </row>
    <row r="12" spans="1:26" ht="24.75" customHeight="1">
      <c r="A12" s="68"/>
      <c r="B12" s="73">
        <v>8</v>
      </c>
      <c r="C12" s="71" t="s">
        <v>81</v>
      </c>
      <c r="D12" s="106">
        <v>99.3</v>
      </c>
      <c r="E12" s="103">
        <v>-0.1</v>
      </c>
      <c r="F12" s="102">
        <v>-1</v>
      </c>
      <c r="G12" s="106">
        <v>99.3</v>
      </c>
      <c r="H12" s="103">
        <v>99</v>
      </c>
      <c r="I12" s="103">
        <v>99.9</v>
      </c>
      <c r="J12" s="103">
        <v>103.2</v>
      </c>
      <c r="K12" s="103">
        <v>100.2</v>
      </c>
      <c r="L12" s="103">
        <v>100</v>
      </c>
      <c r="M12" s="103">
        <v>92.8</v>
      </c>
      <c r="N12" s="103">
        <v>99.8</v>
      </c>
      <c r="O12" s="107">
        <v>105.2</v>
      </c>
      <c r="P12" s="108">
        <v>100.9</v>
      </c>
      <c r="Q12" s="109">
        <v>99.4</v>
      </c>
      <c r="R12" s="103">
        <v>99.9</v>
      </c>
      <c r="S12" s="134">
        <v>99.3</v>
      </c>
      <c r="T12" s="110">
        <v>99</v>
      </c>
      <c r="U12" s="109">
        <v>99.4</v>
      </c>
      <c r="V12" s="110">
        <v>99.7</v>
      </c>
      <c r="W12" s="111">
        <v>99.7</v>
      </c>
      <c r="X12" s="140">
        <v>0</v>
      </c>
      <c r="Y12" s="113">
        <v>-0.4</v>
      </c>
      <c r="Z12" s="1"/>
    </row>
    <row r="13" spans="1:26" ht="24.75" customHeight="1">
      <c r="A13" s="74"/>
      <c r="B13" s="75">
        <v>9</v>
      </c>
      <c r="C13" s="80" t="s">
        <v>39</v>
      </c>
      <c r="D13" s="114">
        <v>99.5</v>
      </c>
      <c r="E13" s="115">
        <v>0.2</v>
      </c>
      <c r="F13" s="116">
        <v>-0.3</v>
      </c>
      <c r="G13" s="114">
        <v>100.9</v>
      </c>
      <c r="H13" s="115">
        <v>99</v>
      </c>
      <c r="I13" s="115">
        <v>101.3</v>
      </c>
      <c r="J13" s="115">
        <v>101.6</v>
      </c>
      <c r="K13" s="115">
        <v>101.7</v>
      </c>
      <c r="L13" s="115">
        <v>100.1</v>
      </c>
      <c r="M13" s="115">
        <v>92.5</v>
      </c>
      <c r="N13" s="115">
        <v>99.8</v>
      </c>
      <c r="O13" s="117">
        <v>102.1</v>
      </c>
      <c r="P13" s="104">
        <v>101</v>
      </c>
      <c r="Q13" s="118">
        <v>99.3</v>
      </c>
      <c r="R13" s="115">
        <v>100.2</v>
      </c>
      <c r="S13" s="135">
        <v>99</v>
      </c>
      <c r="T13" s="119">
        <v>98.6</v>
      </c>
      <c r="U13" s="118">
        <v>99.6</v>
      </c>
      <c r="V13" s="119">
        <v>99.7</v>
      </c>
      <c r="W13" s="120">
        <v>100.1</v>
      </c>
      <c r="X13" s="155">
        <v>0.4</v>
      </c>
      <c r="Y13" s="122">
        <v>0.2</v>
      </c>
      <c r="Z13" s="1"/>
    </row>
    <row r="14" spans="1:26" ht="24.75" customHeight="1">
      <c r="A14" s="74"/>
      <c r="B14" s="75">
        <v>10</v>
      </c>
      <c r="C14" s="80" t="s">
        <v>24</v>
      </c>
      <c r="D14" s="114">
        <v>99.3</v>
      </c>
      <c r="E14" s="115">
        <v>-0.2</v>
      </c>
      <c r="F14" s="116">
        <v>-0.5</v>
      </c>
      <c r="G14" s="114">
        <v>100.1</v>
      </c>
      <c r="H14" s="115">
        <v>99</v>
      </c>
      <c r="I14" s="115">
        <v>102.7</v>
      </c>
      <c r="J14" s="115">
        <v>102</v>
      </c>
      <c r="K14" s="115">
        <v>102.7</v>
      </c>
      <c r="L14" s="115">
        <v>100.1</v>
      </c>
      <c r="M14" s="115">
        <v>91</v>
      </c>
      <c r="N14" s="115">
        <v>99.8</v>
      </c>
      <c r="O14" s="117">
        <v>102.3</v>
      </c>
      <c r="P14" s="104">
        <v>101.6</v>
      </c>
      <c r="Q14" s="118">
        <v>99.3</v>
      </c>
      <c r="R14" s="115">
        <v>100.4</v>
      </c>
      <c r="S14" s="135">
        <v>98.9</v>
      </c>
      <c r="T14" s="119">
        <v>98.5</v>
      </c>
      <c r="U14" s="118">
        <v>99.4</v>
      </c>
      <c r="V14" s="119">
        <v>99.7</v>
      </c>
      <c r="W14" s="120">
        <v>99.9</v>
      </c>
      <c r="X14" s="155">
        <v>-0.2</v>
      </c>
      <c r="Y14" s="122">
        <v>0.1</v>
      </c>
      <c r="Z14" s="1"/>
    </row>
    <row r="15" spans="1:26" ht="24.75" customHeight="1">
      <c r="A15" s="74"/>
      <c r="B15" s="75">
        <v>11</v>
      </c>
      <c r="C15" s="80" t="s">
        <v>24</v>
      </c>
      <c r="D15" s="114">
        <v>99.4</v>
      </c>
      <c r="E15" s="115">
        <v>0.1</v>
      </c>
      <c r="F15" s="116">
        <v>-0.1</v>
      </c>
      <c r="G15" s="114">
        <v>100.5</v>
      </c>
      <c r="H15" s="115">
        <v>99</v>
      </c>
      <c r="I15" s="115">
        <v>104.2</v>
      </c>
      <c r="J15" s="115">
        <v>101.4</v>
      </c>
      <c r="K15" s="115">
        <v>102.5</v>
      </c>
      <c r="L15" s="115">
        <v>99.9</v>
      </c>
      <c r="M15" s="115">
        <v>91.1</v>
      </c>
      <c r="N15" s="115">
        <v>99.8</v>
      </c>
      <c r="O15" s="117">
        <v>101.4</v>
      </c>
      <c r="P15" s="104">
        <v>101.8</v>
      </c>
      <c r="Q15" s="118">
        <v>99.4</v>
      </c>
      <c r="R15" s="115">
        <v>100.8</v>
      </c>
      <c r="S15" s="135">
        <v>98.9</v>
      </c>
      <c r="T15" s="119">
        <v>98.3</v>
      </c>
      <c r="U15" s="118">
        <v>99.5</v>
      </c>
      <c r="V15" s="119">
        <v>99.7</v>
      </c>
      <c r="W15" s="120">
        <v>100.1</v>
      </c>
      <c r="X15" s="155">
        <v>0.2</v>
      </c>
      <c r="Y15" s="122">
        <v>0.6</v>
      </c>
      <c r="Z15" s="1"/>
    </row>
    <row r="16" spans="1:26" ht="24.75" customHeight="1">
      <c r="A16" s="74"/>
      <c r="B16" s="75">
        <v>12</v>
      </c>
      <c r="C16" s="80" t="s">
        <v>39</v>
      </c>
      <c r="D16" s="114">
        <v>99.6</v>
      </c>
      <c r="E16" s="115">
        <v>0.2</v>
      </c>
      <c r="F16" s="116">
        <v>0.3</v>
      </c>
      <c r="G16" s="114">
        <v>100.6</v>
      </c>
      <c r="H16" s="115">
        <v>99.4</v>
      </c>
      <c r="I16" s="115">
        <v>105.5</v>
      </c>
      <c r="J16" s="115">
        <v>100.1</v>
      </c>
      <c r="K16" s="115">
        <v>101.6</v>
      </c>
      <c r="L16" s="115">
        <v>99.9</v>
      </c>
      <c r="M16" s="115">
        <v>90.9</v>
      </c>
      <c r="N16" s="115">
        <v>99.8</v>
      </c>
      <c r="O16" s="117">
        <v>102.6</v>
      </c>
      <c r="P16" s="104">
        <v>101.8</v>
      </c>
      <c r="Q16" s="118">
        <v>99.6</v>
      </c>
      <c r="R16" s="115">
        <v>100.7</v>
      </c>
      <c r="S16" s="135">
        <v>99</v>
      </c>
      <c r="T16" s="119">
        <v>98.5</v>
      </c>
      <c r="U16" s="118">
        <v>99.7</v>
      </c>
      <c r="V16" s="119">
        <v>99.9</v>
      </c>
      <c r="W16" s="120">
        <v>100.1</v>
      </c>
      <c r="X16" s="155">
        <v>0</v>
      </c>
      <c r="Y16" s="122">
        <v>0.8</v>
      </c>
      <c r="Z16" s="1"/>
    </row>
    <row r="17" spans="1:26" ht="24.75" customHeight="1">
      <c r="A17" s="74" t="s">
        <v>82</v>
      </c>
      <c r="B17" s="75">
        <v>1</v>
      </c>
      <c r="C17" s="80" t="s">
        <v>24</v>
      </c>
      <c r="D17" s="114">
        <v>99.8</v>
      </c>
      <c r="E17" s="115">
        <v>0.3</v>
      </c>
      <c r="F17" s="116">
        <v>-0.1</v>
      </c>
      <c r="G17" s="114">
        <v>101.4</v>
      </c>
      <c r="H17" s="115">
        <v>99.4</v>
      </c>
      <c r="I17" s="115">
        <v>107.1</v>
      </c>
      <c r="J17" s="115">
        <v>100.2</v>
      </c>
      <c r="K17" s="115">
        <v>101.2</v>
      </c>
      <c r="L17" s="115">
        <v>99.8</v>
      </c>
      <c r="M17" s="115">
        <v>90.8</v>
      </c>
      <c r="N17" s="115">
        <v>99.8</v>
      </c>
      <c r="O17" s="117">
        <v>102.4</v>
      </c>
      <c r="P17" s="104">
        <v>101.9</v>
      </c>
      <c r="Q17" s="118">
        <v>99.6</v>
      </c>
      <c r="R17" s="115">
        <v>100.7</v>
      </c>
      <c r="S17" s="135">
        <v>99</v>
      </c>
      <c r="T17" s="119">
        <v>98.4</v>
      </c>
      <c r="U17" s="118">
        <v>100</v>
      </c>
      <c r="V17" s="119">
        <v>99.8</v>
      </c>
      <c r="W17" s="120">
        <v>100.3</v>
      </c>
      <c r="X17" s="155">
        <v>0.3</v>
      </c>
      <c r="Y17" s="122">
        <v>0.5</v>
      </c>
      <c r="Z17" s="1"/>
    </row>
    <row r="18" spans="1:26" ht="24.75" customHeight="1">
      <c r="A18" s="74"/>
      <c r="B18" s="75">
        <v>2</v>
      </c>
      <c r="C18" s="80" t="s">
        <v>40</v>
      </c>
      <c r="D18" s="114">
        <v>100.2</v>
      </c>
      <c r="E18" s="115">
        <v>0.3</v>
      </c>
      <c r="F18" s="116">
        <v>0.5</v>
      </c>
      <c r="G18" s="114">
        <v>101.9</v>
      </c>
      <c r="H18" s="115">
        <v>99.4</v>
      </c>
      <c r="I18" s="115">
        <v>110.6</v>
      </c>
      <c r="J18" s="115">
        <v>100.2</v>
      </c>
      <c r="K18" s="115">
        <v>100.6</v>
      </c>
      <c r="L18" s="115">
        <v>99.7</v>
      </c>
      <c r="M18" s="115">
        <v>90.9</v>
      </c>
      <c r="N18" s="115">
        <v>99.8</v>
      </c>
      <c r="O18" s="117">
        <v>102.3</v>
      </c>
      <c r="P18" s="104">
        <v>101.9</v>
      </c>
      <c r="Q18" s="118">
        <v>99.9</v>
      </c>
      <c r="R18" s="115">
        <v>101.3</v>
      </c>
      <c r="S18" s="135">
        <v>99</v>
      </c>
      <c r="T18" s="119">
        <v>98.4</v>
      </c>
      <c r="U18" s="118">
        <v>100.4</v>
      </c>
      <c r="V18" s="119">
        <v>99.6</v>
      </c>
      <c r="W18" s="120">
        <v>100.7</v>
      </c>
      <c r="X18" s="155">
        <v>0.4</v>
      </c>
      <c r="Y18" s="122">
        <v>0.9</v>
      </c>
      <c r="Z18" s="1"/>
    </row>
    <row r="19" spans="1:26" ht="24.75" customHeight="1" thickBot="1">
      <c r="A19" s="141"/>
      <c r="B19" s="142">
        <v>3</v>
      </c>
      <c r="C19" s="143" t="s">
        <v>24</v>
      </c>
      <c r="D19" s="144">
        <v>100.4</v>
      </c>
      <c r="E19" s="145">
        <v>0.2</v>
      </c>
      <c r="F19" s="146">
        <v>0.7</v>
      </c>
      <c r="G19" s="144">
        <v>101.6</v>
      </c>
      <c r="H19" s="145">
        <v>99.4</v>
      </c>
      <c r="I19" s="145">
        <v>113.6</v>
      </c>
      <c r="J19" s="145">
        <v>102</v>
      </c>
      <c r="K19" s="145">
        <v>100.5</v>
      </c>
      <c r="L19" s="145">
        <v>99.7</v>
      </c>
      <c r="M19" s="145">
        <v>91.2</v>
      </c>
      <c r="N19" s="145">
        <v>99.9</v>
      </c>
      <c r="O19" s="147">
        <v>102.2</v>
      </c>
      <c r="P19" s="148">
        <v>101.9</v>
      </c>
      <c r="Q19" s="149">
        <v>100.3</v>
      </c>
      <c r="R19" s="145">
        <v>101.5</v>
      </c>
      <c r="S19" s="150">
        <v>99.2</v>
      </c>
      <c r="T19" s="151">
        <v>98.5</v>
      </c>
      <c r="U19" s="149">
        <v>100.6</v>
      </c>
      <c r="V19" s="151">
        <v>99.8</v>
      </c>
      <c r="W19" s="152">
        <v>101.1</v>
      </c>
      <c r="X19" s="153">
        <v>0.4</v>
      </c>
      <c r="Y19" s="154">
        <v>1.2</v>
      </c>
      <c r="Z19" s="1"/>
    </row>
    <row r="20" spans="1:26" ht="24.75" customHeight="1" thickBot="1">
      <c r="A20" s="76"/>
      <c r="B20" s="77">
        <v>4</v>
      </c>
      <c r="C20" s="78" t="s">
        <v>80</v>
      </c>
      <c r="D20" s="123">
        <v>100.9</v>
      </c>
      <c r="E20" s="124">
        <v>0.5</v>
      </c>
      <c r="F20" s="125">
        <v>2.1</v>
      </c>
      <c r="G20" s="123">
        <v>102.3</v>
      </c>
      <c r="H20" s="124">
        <v>99.4</v>
      </c>
      <c r="I20" s="124">
        <v>115</v>
      </c>
      <c r="J20" s="124">
        <v>104.7</v>
      </c>
      <c r="K20" s="124">
        <v>102.1</v>
      </c>
      <c r="L20" s="124">
        <v>99.5</v>
      </c>
      <c r="M20" s="124">
        <v>90.9</v>
      </c>
      <c r="N20" s="124">
        <v>100.5</v>
      </c>
      <c r="O20" s="126">
        <v>103.3</v>
      </c>
      <c r="P20" s="127">
        <v>102.2</v>
      </c>
      <c r="Q20" s="128">
        <v>100.7</v>
      </c>
      <c r="R20" s="124">
        <v>102</v>
      </c>
      <c r="S20" s="132">
        <v>99.6</v>
      </c>
      <c r="T20" s="129">
        <v>98.8</v>
      </c>
      <c r="U20" s="128">
        <v>101.2</v>
      </c>
      <c r="V20" s="129">
        <v>99.8</v>
      </c>
      <c r="W20" s="130">
        <v>101.5</v>
      </c>
      <c r="X20" s="139">
        <v>0.4</v>
      </c>
      <c r="Y20" s="131">
        <v>2.5</v>
      </c>
      <c r="Z20" s="1"/>
    </row>
    <row r="21" spans="1:26" ht="21" customHeight="1">
      <c r="A21" s="7" t="s">
        <v>34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14"/>
      <c r="Z21" s="1"/>
    </row>
    <row r="22" spans="1:26" s="16" customFormat="1" ht="19.5" customHeight="1">
      <c r="A22" s="17"/>
      <c r="B22" s="12"/>
      <c r="C22" s="12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</row>
    <row r="23" spans="1:26" ht="20.65" customHeight="1">
      <c r="A23" s="1"/>
      <c r="B23" s="12"/>
      <c r="C23" s="12"/>
      <c r="D23" s="9"/>
      <c r="E23" s="9"/>
      <c r="F23" s="9"/>
      <c r="G23" s="9"/>
      <c r="H23" s="9"/>
      <c r="I23" s="9"/>
      <c r="J23" s="9"/>
      <c r="K23" s="9"/>
      <c r="L23" s="9"/>
      <c r="M23" s="9"/>
      <c r="N23" s="9"/>
      <c r="O23" s="9"/>
      <c r="P23" s="9"/>
      <c r="Q23" s="9"/>
      <c r="R23" s="9"/>
      <c r="S23" s="9"/>
      <c r="T23" s="9"/>
      <c r="U23" s="9"/>
      <c r="V23" s="9"/>
      <c r="W23" s="15"/>
      <c r="X23" s="14"/>
      <c r="Y23" s="13"/>
    </row>
    <row r="24" spans="1:26" ht="20.25" customHeight="1">
      <c r="A24" s="1"/>
      <c r="B24" s="12"/>
      <c r="C24" s="12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</row>
    <row r="25" spans="1:26" ht="20.25" customHeight="1">
      <c r="A25" s="1"/>
      <c r="B25" s="11"/>
      <c r="C25" s="11"/>
      <c r="D25" s="10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8"/>
    </row>
    <row r="26" spans="1:26" ht="20.25" customHeight="1">
      <c r="A26" s="7"/>
      <c r="B26" s="6"/>
      <c r="C26" s="5"/>
      <c r="D26" s="2"/>
      <c r="E26" s="2"/>
      <c r="F26" s="2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3"/>
      <c r="X26" s="2"/>
      <c r="Y26" s="2"/>
      <c r="Z26" s="1"/>
    </row>
    <row r="27" spans="1:26">
      <c r="A27" s="7"/>
      <c r="B27" s="6"/>
      <c r="C27" s="5"/>
      <c r="D27" s="2"/>
      <c r="E27" s="2"/>
      <c r="F27" s="2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3"/>
      <c r="X27" s="2"/>
      <c r="Y27" s="2"/>
    </row>
    <row r="28" spans="1:26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6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</sheetData>
  <mergeCells count="10">
    <mergeCell ref="B7:C7"/>
    <mergeCell ref="S4:S5"/>
    <mergeCell ref="T4:T5"/>
    <mergeCell ref="U3:Y3"/>
    <mergeCell ref="K4:K6"/>
    <mergeCell ref="L4:L6"/>
    <mergeCell ref="O4:O6"/>
    <mergeCell ref="Q4:R5"/>
    <mergeCell ref="U4:V4"/>
    <mergeCell ref="U5:V5"/>
  </mergeCells>
  <phoneticPr fontId="1"/>
  <pageMargins left="0.51" right="0.19685039370078741" top="0.51181102362204722" bottom="0.47244094488188981" header="0.31496062992125984" footer="0.31496062992125984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2:05:16Z</cp:lastPrinted>
  <dcterms:created xsi:type="dcterms:W3CDTF">2016-09-16T05:41:42Z</dcterms:created>
  <dcterms:modified xsi:type="dcterms:W3CDTF">2022-05-31T02:05:18Z</dcterms:modified>
</cp:coreProperties>
</file>